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4\GPL2239 Dickson\Supp Info\"/>
    </mc:Choice>
  </mc:AlternateContent>
  <bookViews>
    <workbookView xWindow="28680" yWindow="-120" windowWidth="29040" windowHeight="15840"/>
  </bookViews>
  <sheets>
    <sheet name="Table S-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" uniqueCount="47">
  <si>
    <t xml:space="preserve">© 2022 The Authors 
</t>
  </si>
  <si>
    <t>Sample</t>
  </si>
  <si>
    <t>Metres composite depth</t>
  </si>
  <si>
    <t>Poirier age (Ma)</t>
  </si>
  <si>
    <t>Re conc (ppt)</t>
  </si>
  <si>
    <t>Os conc (ppt)</t>
  </si>
  <si>
    <t>err</t>
  </si>
  <si>
    <t>302 2 A 47 4 74-72</t>
  </si>
  <si>
    <t>302 2 A 47 CC 2-4</t>
  </si>
  <si>
    <t>302 2 A 48 1 22-23</t>
  </si>
  <si>
    <t>302 2 A 48 1 62-63</t>
  </si>
  <si>
    <t>302 2 A 58 3 78-79</t>
  </si>
  <si>
    <t>302 4 A 6 4 15-16</t>
  </si>
  <si>
    <t>302 4 A 7 1 3-4</t>
  </si>
  <si>
    <t>302 4 A 7 1 61-62</t>
  </si>
  <si>
    <t>302 4 A 7 1 117-118</t>
  </si>
  <si>
    <t>302 4 A 7 2 12-13</t>
  </si>
  <si>
    <t>302 4 A 7 2 95-96</t>
  </si>
  <si>
    <t>302 4 A 9 1 16-17</t>
  </si>
  <si>
    <t>302 4 A 10 2 50-51</t>
  </si>
  <si>
    <t>302 4 A 19 1 45-46</t>
  </si>
  <si>
    <t>302 4 A 19 1 144-145</t>
  </si>
  <si>
    <t>302 4 A 19 2 50-51</t>
  </si>
  <si>
    <t>302 4 A 19 2 146-147</t>
  </si>
  <si>
    <t>302 4 A 20 1 12-13</t>
  </si>
  <si>
    <t>302 4 A 20 1 88-89</t>
  </si>
  <si>
    <t>302 4 A 20 2 55-56</t>
  </si>
  <si>
    <t>302 4 A 21 1 12-13</t>
  </si>
  <si>
    <t>302 4 A 21 1 93-94</t>
  </si>
  <si>
    <t>302 4 A 21 2 9-10</t>
  </si>
  <si>
    <t>302 4 A 21 2 97-98</t>
  </si>
  <si>
    <t>302 4 A 21 3 22-23</t>
  </si>
  <si>
    <t>302 4 A 22 1 13-14</t>
  </si>
  <si>
    <t>302 4 A 22 CC 6-7</t>
  </si>
  <si>
    <t>302 4 A 23 1 60-61</t>
  </si>
  <si>
    <t>302 4 A 23 1 136-137</t>
  </si>
  <si>
    <t>302 4 A 23 2 50-51</t>
  </si>
  <si>
    <t>302 4 A 23 2 140-141</t>
  </si>
  <si>
    <t>302 4 A 23 CC 3-4</t>
  </si>
  <si>
    <r>
      <rPr>
        <b/>
        <vertAlign val="superscript"/>
        <sz val="10"/>
        <color theme="1"/>
        <rFont val="Arial"/>
        <family val="2"/>
      </rPr>
      <t>187</t>
    </r>
    <r>
      <rPr>
        <b/>
        <sz val="10"/>
        <color theme="1"/>
        <rFont val="Arial"/>
        <family val="2"/>
      </rPr>
      <t>Re/</t>
    </r>
    <r>
      <rPr>
        <b/>
        <vertAlign val="superscript"/>
        <sz val="10"/>
        <color theme="1"/>
        <rFont val="Arial"/>
        <family val="2"/>
      </rPr>
      <t>188</t>
    </r>
    <r>
      <rPr>
        <b/>
        <sz val="10"/>
        <color theme="1"/>
        <rFont val="Arial"/>
        <family val="2"/>
      </rPr>
      <t>Os</t>
    </r>
  </si>
  <si>
    <r>
      <rPr>
        <b/>
        <vertAlign val="superscript"/>
        <sz val="10"/>
        <color theme="1"/>
        <rFont val="Arial"/>
        <family val="2"/>
      </rPr>
      <t>192</t>
    </r>
    <r>
      <rPr>
        <b/>
        <sz val="10"/>
        <color theme="1"/>
        <rFont val="Arial"/>
        <family val="2"/>
      </rPr>
      <t>Os (ppt)</t>
    </r>
  </si>
  <si>
    <r>
      <rPr>
        <b/>
        <vertAlign val="superscript"/>
        <sz val="10"/>
        <color theme="1"/>
        <rFont val="Arial"/>
        <family val="2"/>
      </rPr>
      <t>187</t>
    </r>
    <r>
      <rPr>
        <b/>
        <sz val="10"/>
        <color theme="1"/>
        <rFont val="Arial"/>
        <family val="2"/>
      </rPr>
      <t>Os/</t>
    </r>
    <r>
      <rPr>
        <b/>
        <vertAlign val="superscript"/>
        <sz val="10"/>
        <color theme="1"/>
        <rFont val="Arial"/>
        <family val="2"/>
      </rPr>
      <t>188</t>
    </r>
    <r>
      <rPr>
        <b/>
        <sz val="10"/>
        <color theme="1"/>
        <rFont val="Arial"/>
        <family val="2"/>
      </rPr>
      <t>Os</t>
    </r>
  </si>
  <si>
    <r>
      <t>Backman</t>
    </r>
    <r>
      <rPr>
        <b/>
        <vertAlign val="superscript"/>
        <sz val="10"/>
        <color theme="1"/>
        <rFont val="Arial"/>
        <family val="2"/>
      </rPr>
      <t>187</t>
    </r>
    <r>
      <rPr>
        <b/>
        <sz val="10"/>
        <color theme="1"/>
        <rFont val="Arial"/>
        <family val="2"/>
      </rPr>
      <t>Os/</t>
    </r>
    <r>
      <rPr>
        <b/>
        <vertAlign val="superscript"/>
        <sz val="10"/>
        <color theme="1"/>
        <rFont val="Arial"/>
        <family val="2"/>
      </rPr>
      <t>188</t>
    </r>
    <r>
      <rPr>
        <b/>
        <sz val="10"/>
        <color theme="1"/>
        <rFont val="Arial"/>
        <family val="2"/>
      </rPr>
      <t>Osi</t>
    </r>
  </si>
  <si>
    <r>
      <t xml:space="preserve">Backman </t>
    </r>
    <r>
      <rPr>
        <b/>
        <i/>
        <sz val="10"/>
        <color theme="1"/>
        <rFont val="Arial"/>
        <family val="2"/>
      </rPr>
      <t>et al.</t>
    </r>
    <r>
      <rPr>
        <b/>
        <sz val="10"/>
        <color theme="1"/>
        <rFont val="Arial"/>
        <family val="2"/>
      </rPr>
      <t xml:space="preserve"> (2008) age (Ma)</t>
    </r>
  </si>
  <si>
    <r>
      <t xml:space="preserve">Table S-1 </t>
    </r>
    <r>
      <rPr>
        <sz val="12"/>
        <rFont val="Calibri"/>
        <family val="2"/>
        <scheme val="minor"/>
      </rPr>
      <t>New Re-Os data from this study obtained from IODP M0004A, including an alternate age model</t>
    </r>
    <r>
      <rPr>
        <b/>
        <sz val="12"/>
        <rFont val="Calibri"/>
        <family val="2"/>
        <scheme val="minor"/>
      </rPr>
      <t>.</t>
    </r>
  </si>
  <si>
    <r>
      <rPr>
        <sz val="10"/>
        <rFont val="Calibri"/>
        <family val="2"/>
        <scheme val="minor"/>
      </rPr>
      <t xml:space="preserve">Dickson </t>
    </r>
    <r>
      <rPr>
        <i/>
        <sz val="10"/>
        <rFont val="Calibri"/>
        <family val="2"/>
        <scheme val="minor"/>
      </rPr>
      <t>et al</t>
    </r>
    <r>
      <rPr>
        <sz val="10"/>
        <rFont val="Calibri"/>
        <family val="2"/>
        <scheme val="minor"/>
      </rPr>
      <t xml:space="preserve">. (2022) </t>
    </r>
    <r>
      <rPr>
        <i/>
        <sz val="10"/>
        <rFont val="Calibri"/>
        <family val="2"/>
        <scheme val="minor"/>
      </rPr>
      <t>Geochem. Persp. Let.</t>
    </r>
    <r>
      <rPr>
        <sz val="10"/>
        <rFont val="Calibri"/>
        <family val="2"/>
        <scheme val="minor"/>
      </rPr>
      <t xml:space="preserve"> 24, 7-11 | doi: 10.7185/geochemlet.2239</t>
    </r>
    <r>
      <rPr>
        <sz val="10"/>
        <color indexed="8"/>
        <rFont val="Calibri"/>
        <family val="2"/>
        <scheme val="minor"/>
      </rPr>
      <t xml:space="preserve">
</t>
    </r>
  </si>
  <si>
    <r>
      <t>Published by the European Association of Geochemistry under Creative Commons Licen</t>
    </r>
    <r>
      <rPr>
        <sz val="10"/>
        <rFont val="Calibri"/>
        <family val="2"/>
        <scheme val="minor"/>
      </rPr>
      <t>se CC-BY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"/>
  </numFmts>
  <fonts count="13" x14ac:knownFonts="1">
    <font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color indexed="8"/>
      <name val="Calibri"/>
      <family val="2"/>
      <scheme val="minor"/>
    </font>
    <font>
      <sz val="10"/>
      <name val="Calibri"/>
      <family val="2"/>
      <scheme val="minor"/>
    </font>
    <font>
      <sz val="9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0"/>
      <color theme="1"/>
      <name val="Arial"/>
      <family val="2"/>
    </font>
    <font>
      <sz val="10"/>
      <color theme="1"/>
      <name val="Arial"/>
      <family val="2"/>
    </font>
    <font>
      <b/>
      <sz val="12"/>
      <name val="Calibri"/>
      <family val="2"/>
      <scheme val="minor"/>
    </font>
    <font>
      <sz val="12"/>
      <name val="Calibri"/>
      <family val="2"/>
      <scheme val="minor"/>
    </font>
    <font>
      <b/>
      <vertAlign val="superscript"/>
      <sz val="10"/>
      <color theme="1"/>
      <name val="Arial"/>
      <family val="2"/>
    </font>
    <font>
      <b/>
      <i/>
      <sz val="10"/>
      <color theme="1"/>
      <name val="Arial"/>
      <family val="2"/>
    </font>
    <font>
      <i/>
      <sz val="1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0" borderId="0" xfId="0" applyFont="1" applyAlignment="1">
      <alignment vertical="top"/>
    </xf>
    <xf numFmtId="0" fontId="4" fillId="0" borderId="0" xfId="0" applyFont="1"/>
    <xf numFmtId="0" fontId="1" fillId="0" borderId="0" xfId="0" applyFont="1"/>
    <xf numFmtId="0" fontId="5" fillId="0" borderId="0" xfId="0" applyFont="1"/>
    <xf numFmtId="0" fontId="4" fillId="0" borderId="0" xfId="0" applyFont="1" applyAlignment="1"/>
    <xf numFmtId="0" fontId="7" fillId="0" borderId="0" xfId="0" applyFont="1" applyAlignment="1">
      <alignment horizontal="center" vertical="center"/>
    </xf>
    <xf numFmtId="164" fontId="7" fillId="0" borderId="0" xfId="0" applyNumberFormat="1" applyFont="1" applyAlignment="1">
      <alignment horizontal="center" vertical="center"/>
    </xf>
    <xf numFmtId="1" fontId="7" fillId="0" borderId="0" xfId="0" applyNumberFormat="1" applyFont="1" applyAlignment="1">
      <alignment horizontal="center" vertical="center"/>
    </xf>
    <xf numFmtId="0" fontId="6" fillId="0" borderId="0" xfId="0" applyFont="1" applyAlignment="1">
      <alignment horizontal="center" vertical="center" wrapText="1"/>
    </xf>
    <xf numFmtId="164" fontId="6" fillId="0" borderId="0" xfId="0" applyNumberFormat="1" applyFont="1" applyAlignment="1">
      <alignment horizontal="center" vertical="center" wrapText="1"/>
    </xf>
    <xf numFmtId="1" fontId="6" fillId="0" borderId="0" xfId="0" applyNumberFormat="1" applyFont="1" applyAlignment="1">
      <alignment horizontal="center" vertical="center" wrapText="1"/>
    </xf>
    <xf numFmtId="0" fontId="8" fillId="2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1</xdr:col>
      <xdr:colOff>800645</xdr:colOff>
      <xdr:row>4</xdr:row>
      <xdr:rowOff>135202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91B8214A-5226-4C45-B14B-7F9F0D1E263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2183675" cy="859102"/>
        </a:xfrm>
        <a:prstGeom prst="rect">
          <a:avLst/>
        </a:prstGeom>
      </xdr:spPr>
    </xdr:pic>
    <xdr:clientData/>
  </xdr:twoCellAnchor>
  <xdr:twoCellAnchor>
    <xdr:from>
      <xdr:col>5</xdr:col>
      <xdr:colOff>779145</xdr:colOff>
      <xdr:row>0</xdr:row>
      <xdr:rowOff>80010</xdr:rowOff>
    </xdr:from>
    <xdr:to>
      <xdr:col>11</xdr:col>
      <xdr:colOff>44327</xdr:colOff>
      <xdr:row>5</xdr:row>
      <xdr:rowOff>45710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31024CF-C270-462D-BF94-5290F2CC085E}"/>
            </a:ext>
          </a:extLst>
        </xdr:cNvPr>
        <xdr:cNvSpPr txBox="1">
          <a:spLocks noChangeArrowheads="1"/>
        </xdr:cNvSpPr>
      </xdr:nvSpPr>
      <xdr:spPr bwMode="auto">
        <a:xfrm>
          <a:off x="7170420" y="80010"/>
          <a:ext cx="5656457" cy="9182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Dickson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</a:t>
          </a: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Quantifying seawater exchange rates in the Eocene Arctic Basin using osmium isotopes </a:t>
          </a:r>
        </a:p>
        <a:p>
          <a:pPr algn="r">
            <a:spcAft>
              <a:spcPct val="0"/>
            </a:spcAft>
            <a:buSzPct val="45000"/>
            <a:buNone/>
          </a:pPr>
          <a:endParaRPr lang="en-US" altLang="en-US" sz="1400" b="1">
            <a:solidFill>
              <a:schemeClr val="tx1"/>
            </a:solidFill>
            <a:latin typeface="Arial" panose="020B0604020202020204" pitchFamily="34" charset="0"/>
            <a:cs typeface="Arial" panose="020B0604020202020204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8:K46"/>
  <sheetViews>
    <sheetView tabSelected="1" workbookViewId="0">
      <selection activeCell="B1" sqref="B1"/>
    </sheetView>
  </sheetViews>
  <sheetFormatPr defaultRowHeight="15" x14ac:dyDescent="0.25"/>
  <cols>
    <col min="1" max="1" width="20.85546875" customWidth="1"/>
    <col min="2" max="2" width="23.7109375" customWidth="1"/>
    <col min="3" max="3" width="18.28515625" customWidth="1"/>
    <col min="4" max="4" width="16.28515625" customWidth="1"/>
    <col min="5" max="5" width="16.7109375" customWidth="1"/>
    <col min="6" max="6" width="19.5703125" customWidth="1"/>
    <col min="7" max="7" width="16.7109375" customWidth="1"/>
    <col min="8" max="8" width="18.7109375" customWidth="1"/>
    <col min="9" max="9" width="17" customWidth="1"/>
    <col min="11" max="11" width="14.7109375" customWidth="1"/>
  </cols>
  <sheetData>
    <row r="8" spans="1:11" s="12" customFormat="1" ht="15.75" x14ac:dyDescent="0.25">
      <c r="A8" s="12" t="s">
        <v>44</v>
      </c>
    </row>
    <row r="9" spans="1:11" s="4" customFormat="1" ht="15.75" x14ac:dyDescent="0.25"/>
    <row r="10" spans="1:11" ht="43.5" customHeight="1" x14ac:dyDescent="0.25">
      <c r="A10" s="9" t="s">
        <v>1</v>
      </c>
      <c r="B10" s="9" t="s">
        <v>2</v>
      </c>
      <c r="C10" s="10" t="s">
        <v>43</v>
      </c>
      <c r="D10" s="10" t="s">
        <v>3</v>
      </c>
      <c r="E10" s="11" t="s">
        <v>4</v>
      </c>
      <c r="F10" s="11" t="s">
        <v>5</v>
      </c>
      <c r="G10" s="11" t="s">
        <v>40</v>
      </c>
      <c r="H10" s="11" t="s">
        <v>39</v>
      </c>
      <c r="I10" s="10" t="s">
        <v>41</v>
      </c>
      <c r="J10" s="10" t="s">
        <v>6</v>
      </c>
      <c r="K10" s="10" t="s">
        <v>42</v>
      </c>
    </row>
    <row r="11" spans="1:11" x14ac:dyDescent="0.25">
      <c r="A11" s="6" t="s">
        <v>7</v>
      </c>
      <c r="B11" s="6">
        <v>205.43</v>
      </c>
      <c r="C11" s="7">
        <v>44.702268041237119</v>
      </c>
      <c r="D11" s="7">
        <v>37.226514000000002</v>
      </c>
      <c r="E11" s="8">
        <v>82503.670421188071</v>
      </c>
      <c r="F11" s="8">
        <v>272.91480207562995</v>
      </c>
      <c r="G11" s="8">
        <v>86.252537000809312</v>
      </c>
      <c r="H11" s="8">
        <v>1876.1975692271326</v>
      </c>
      <c r="I11" s="7">
        <v>2.3405592185031741</v>
      </c>
      <c r="J11" s="7">
        <v>1.2388252882995303E-3</v>
      </c>
      <c r="K11" s="7">
        <v>0.94275980930539194</v>
      </c>
    </row>
    <row r="12" spans="1:11" s="5" customFormat="1" ht="12.75" x14ac:dyDescent="0.2">
      <c r="A12" s="6" t="s">
        <v>8</v>
      </c>
      <c r="B12" s="6">
        <v>206.76</v>
      </c>
      <c r="C12" s="7">
        <v>44.757113402061854</v>
      </c>
      <c r="D12" s="7">
        <v>37.386333999999998</v>
      </c>
      <c r="E12" s="8">
        <v>76733.093988622961</v>
      </c>
      <c r="F12" s="8">
        <v>205.18931313767911</v>
      </c>
      <c r="G12" s="8">
        <v>63.225672969308548</v>
      </c>
      <c r="H12" s="8">
        <v>2350.7799207723533</v>
      </c>
      <c r="I12" s="7">
        <v>2.4675921490878236</v>
      </c>
      <c r="J12" s="7">
        <v>3.3026558622450508E-3</v>
      </c>
      <c r="K12" s="7">
        <v>0.71407117333456394</v>
      </c>
    </row>
    <row r="13" spans="1:11" s="5" customFormat="1" ht="12.75" x14ac:dyDescent="0.2">
      <c r="A13" s="6" t="s">
        <v>9</v>
      </c>
      <c r="B13" s="6">
        <v>206.86</v>
      </c>
      <c r="C13" s="7">
        <v>44.761237113402068</v>
      </c>
      <c r="D13" s="7">
        <v>37.398313999999999</v>
      </c>
      <c r="E13" s="8">
        <v>50303.18823215193</v>
      </c>
      <c r="F13" s="8">
        <v>239.86881486767763</v>
      </c>
      <c r="G13" s="8">
        <v>79.060119914463215</v>
      </c>
      <c r="H13" s="8">
        <v>1236.9807635952257</v>
      </c>
      <c r="I13" s="7">
        <v>1.8508497645854805</v>
      </c>
      <c r="J13" s="7">
        <v>5.6649279219609331E-3</v>
      </c>
      <c r="K13" s="7">
        <v>0.92806170643553476</v>
      </c>
    </row>
    <row r="14" spans="1:11" s="2" customFormat="1" ht="12.75" x14ac:dyDescent="0.2">
      <c r="A14" s="6" t="s">
        <v>10</v>
      </c>
      <c r="B14" s="6">
        <v>207.26</v>
      </c>
      <c r="C14" s="7">
        <v>44.777731958762885</v>
      </c>
      <c r="D14" s="7">
        <v>37.446233999999997</v>
      </c>
      <c r="E14" s="8">
        <v>86701.80972575584</v>
      </c>
      <c r="F14" s="8">
        <v>223.67973012379684</v>
      </c>
      <c r="G14" s="8">
        <v>67.493905705148649</v>
      </c>
      <c r="H14" s="8">
        <v>2517.7932857065848</v>
      </c>
      <c r="I14" s="7">
        <v>2.8008269146710494</v>
      </c>
      <c r="J14" s="7">
        <v>2.0786667148751403E-3</v>
      </c>
      <c r="K14" s="7">
        <v>0.92185987581260775</v>
      </c>
    </row>
    <row r="15" spans="1:11" x14ac:dyDescent="0.25">
      <c r="A15" s="6" t="s">
        <v>11</v>
      </c>
      <c r="B15" s="6">
        <v>255.21</v>
      </c>
      <c r="C15" s="7">
        <v>46.755051546391755</v>
      </c>
      <c r="D15" s="7">
        <v>43.190643999999999</v>
      </c>
      <c r="E15" s="8">
        <v>23872.48599356211</v>
      </c>
      <c r="F15" s="8">
        <v>200.08130771668274</v>
      </c>
      <c r="G15" s="8">
        <v>69.800397784871649</v>
      </c>
      <c r="H15" s="8">
        <v>671.64227729424238</v>
      </c>
      <c r="I15" s="7">
        <v>1.4224053728402568</v>
      </c>
      <c r="J15" s="7">
        <v>7.5792387262656484E-4</v>
      </c>
      <c r="K15" s="7">
        <v>0.89903309125553077</v>
      </c>
    </row>
    <row r="16" spans="1:11" x14ac:dyDescent="0.25">
      <c r="A16" s="6" t="s">
        <v>12</v>
      </c>
      <c r="B16" s="6">
        <v>278.18</v>
      </c>
      <c r="C16" s="7">
        <v>47.702268041237119</v>
      </c>
      <c r="D16" s="7">
        <v>45.942449999999994</v>
      </c>
      <c r="E16" s="8">
        <v>33648.205677829159</v>
      </c>
      <c r="F16" s="8">
        <v>165.12525359216528</v>
      </c>
      <c r="G16" s="8">
        <v>55.203974589505243</v>
      </c>
      <c r="H16" s="8">
        <v>1180.0934920615794</v>
      </c>
      <c r="I16" s="7">
        <v>1.680131215049774</v>
      </c>
      <c r="J16" s="7">
        <v>3.8902367832423929E-3</v>
      </c>
      <c r="K16" s="7">
        <v>0.74191480789851005</v>
      </c>
    </row>
    <row r="17" spans="1:11" x14ac:dyDescent="0.25">
      <c r="A17" s="6" t="s">
        <v>13</v>
      </c>
      <c r="B17" s="6">
        <v>278.73</v>
      </c>
      <c r="C17" s="7">
        <v>47.724948453608249</v>
      </c>
      <c r="D17" s="7">
        <v>46.008339999999997</v>
      </c>
      <c r="E17" s="8">
        <v>31259.575585614151</v>
      </c>
      <c r="F17" s="8">
        <v>191.48881728555503</v>
      </c>
      <c r="G17" s="8">
        <v>61.232287029968639</v>
      </c>
      <c r="H17" s="8">
        <v>974.97359158513882</v>
      </c>
      <c r="I17" s="7">
        <v>1.9685267327710771</v>
      </c>
      <c r="J17" s="7">
        <v>3.607878408379555E-2</v>
      </c>
      <c r="K17" s="7">
        <v>1.1930192686104584</v>
      </c>
    </row>
    <row r="18" spans="1:11" x14ac:dyDescent="0.25">
      <c r="A18" s="6" t="s">
        <v>14</v>
      </c>
      <c r="B18" s="6">
        <v>279.31</v>
      </c>
      <c r="C18" s="7">
        <v>47.748865979381442</v>
      </c>
      <c r="D18" s="7">
        <v>46.077824</v>
      </c>
      <c r="E18" s="8">
        <v>20171.068017770987</v>
      </c>
      <c r="F18" s="8">
        <v>162.87208075779105</v>
      </c>
      <c r="G18" s="8">
        <v>54.91249356314971</v>
      </c>
      <c r="H18" s="8">
        <v>699.25313906423014</v>
      </c>
      <c r="I18" s="7">
        <v>1.4493634920469596</v>
      </c>
      <c r="J18" s="7">
        <v>1.770352384239229E-3</v>
      </c>
      <c r="K18" s="7">
        <v>0.89288903467549563</v>
      </c>
    </row>
    <row r="19" spans="1:11" x14ac:dyDescent="0.25">
      <c r="A19" s="6" t="s">
        <v>15</v>
      </c>
      <c r="B19" s="6">
        <v>279.87</v>
      </c>
      <c r="C19" s="7">
        <v>47.771958762886598</v>
      </c>
      <c r="D19" s="7">
        <v>46.144911999999998</v>
      </c>
      <c r="E19" s="8">
        <v>5359.0814440008426</v>
      </c>
      <c r="F19" s="8">
        <v>245.15660415018843</v>
      </c>
      <c r="G19" s="8">
        <v>86.142331441165197</v>
      </c>
      <c r="H19" s="8">
        <v>121.18277788127389</v>
      </c>
      <c r="I19" s="7">
        <v>1.2862570421507196</v>
      </c>
      <c r="J19" s="7">
        <v>6.1758266203145232E-4</v>
      </c>
      <c r="K19" s="7">
        <v>1.1897716015832063</v>
      </c>
    </row>
    <row r="20" spans="1:11" x14ac:dyDescent="0.25">
      <c r="A20" s="6" t="s">
        <v>16</v>
      </c>
      <c r="B20" s="6">
        <v>280.33999999999997</v>
      </c>
      <c r="C20" s="7">
        <v>47.791340206185566</v>
      </c>
      <c r="D20" s="7">
        <v>46.201217999999997</v>
      </c>
      <c r="E20" s="8">
        <v>38287.931014485875</v>
      </c>
      <c r="F20" s="8">
        <v>225.35983296213908</v>
      </c>
      <c r="G20" s="8">
        <v>76.2310284529607</v>
      </c>
      <c r="H20" s="8">
        <v>975.1118189453083</v>
      </c>
      <c r="I20" s="7">
        <v>1.597782657521893</v>
      </c>
      <c r="J20" s="7">
        <v>1.7560315704717279E-3</v>
      </c>
      <c r="K20" s="7">
        <v>0.82108582879792213</v>
      </c>
    </row>
    <row r="21" spans="1:11" x14ac:dyDescent="0.25">
      <c r="A21" s="6" t="s">
        <v>17</v>
      </c>
      <c r="B21" s="6">
        <v>281.17</v>
      </c>
      <c r="C21" s="7">
        <v>47.825567010309278</v>
      </c>
      <c r="D21" s="7">
        <v>46.300651999999999</v>
      </c>
      <c r="E21" s="8">
        <v>21987.451535448341</v>
      </c>
      <c r="F21" s="8">
        <v>155.86199459229556</v>
      </c>
      <c r="G21" s="8">
        <v>52.077329595755337</v>
      </c>
      <c r="H21" s="8">
        <v>801.96138548604188</v>
      </c>
      <c r="I21" s="7">
        <v>1.5109355878235491</v>
      </c>
      <c r="J21" s="7">
        <v>1.6842251779099629E-3</v>
      </c>
      <c r="K21" s="7">
        <v>0.87169902015286893</v>
      </c>
    </row>
    <row r="22" spans="1:11" x14ac:dyDescent="0.25">
      <c r="A22" s="6" t="s">
        <v>18</v>
      </c>
      <c r="B22" s="6">
        <v>287.45999999999998</v>
      </c>
      <c r="C22" s="7">
        <v>48.084948453608249</v>
      </c>
      <c r="D22" s="7">
        <v>47.054193999999995</v>
      </c>
      <c r="E22" s="8">
        <v>32669.088762598221</v>
      </c>
      <c r="F22" s="8">
        <v>189.83628313685543</v>
      </c>
      <c r="G22" s="8">
        <v>63.071004368555236</v>
      </c>
      <c r="H22" s="8">
        <v>989.70252619463747</v>
      </c>
      <c r="I22" s="7">
        <v>1.6162588611630655</v>
      </c>
      <c r="J22" s="7">
        <v>3.5978043623131604E-3</v>
      </c>
      <c r="K22" s="7">
        <v>0.82309521979687283</v>
      </c>
    </row>
    <row r="23" spans="1:11" x14ac:dyDescent="0.25">
      <c r="A23" s="6" t="s">
        <v>19</v>
      </c>
      <c r="B23" s="6">
        <v>293.85000000000002</v>
      </c>
      <c r="C23" s="7">
        <v>48.348453608247425</v>
      </c>
      <c r="D23" s="7">
        <v>47.819230000000005</v>
      </c>
      <c r="E23" s="8">
        <v>33204.716334959478</v>
      </c>
      <c r="F23" s="8">
        <v>178.27214859699237</v>
      </c>
      <c r="G23" s="8">
        <v>58.641736621924885</v>
      </c>
      <c r="H23" s="8">
        <v>1079.2241905173546</v>
      </c>
      <c r="I23" s="7">
        <v>1.6849567402634673</v>
      </c>
      <c r="J23" s="7">
        <v>1.6835147239515945E-3</v>
      </c>
      <c r="K23" s="7">
        <v>0.81530738942877778</v>
      </c>
    </row>
    <row r="24" spans="1:11" x14ac:dyDescent="0.25">
      <c r="A24" s="6" t="s">
        <v>20</v>
      </c>
      <c r="B24" s="6">
        <v>320.98</v>
      </c>
      <c r="C24" s="7">
        <v>50.252043697066405</v>
      </c>
      <c r="D24" s="7">
        <v>50.055082496614773</v>
      </c>
      <c r="E24" s="8">
        <v>19331.158484879234</v>
      </c>
      <c r="F24" s="8">
        <v>92.478484090228719</v>
      </c>
      <c r="G24" s="8">
        <v>29.497875326662534</v>
      </c>
      <c r="H24" s="8">
        <v>1214.1047058770841</v>
      </c>
      <c r="I24" s="7">
        <v>1.7071348260177424</v>
      </c>
      <c r="J24" s="7">
        <v>1.9565025243787643E-2</v>
      </c>
      <c r="K24" s="7">
        <v>0.69026191897263445</v>
      </c>
    </row>
    <row r="25" spans="1:11" x14ac:dyDescent="0.25">
      <c r="A25" s="6" t="s">
        <v>21</v>
      </c>
      <c r="B25" s="6">
        <v>321.97000000000003</v>
      </c>
      <c r="C25" s="7">
        <v>50.32981465570149</v>
      </c>
      <c r="D25" s="7">
        <v>50.136679314589294</v>
      </c>
      <c r="E25" s="8">
        <v>19359.999312100041</v>
      </c>
      <c r="F25" s="8">
        <v>113.67164732999359</v>
      </c>
      <c r="G25" s="8">
        <v>38.155229165351464</v>
      </c>
      <c r="H25" s="8">
        <v>953.03417835922414</v>
      </c>
      <c r="I25" s="7">
        <v>1.3691201871902241</v>
      </c>
      <c r="J25" s="7">
        <v>1.8170754975554225E-3</v>
      </c>
      <c r="K25" s="7">
        <v>0.56967094798392259</v>
      </c>
    </row>
    <row r="26" spans="1:11" x14ac:dyDescent="0.25">
      <c r="A26" s="6" t="s">
        <v>22</v>
      </c>
      <c r="B26" s="6">
        <v>322.52999999999997</v>
      </c>
      <c r="C26" s="7">
        <v>50.373806309070822</v>
      </c>
      <c r="D26" s="7">
        <v>50.182835090413256</v>
      </c>
      <c r="E26" s="8">
        <v>24837.141232694332</v>
      </c>
      <c r="F26" s="8">
        <v>106.14541079718062</v>
      </c>
      <c r="G26" s="8">
        <v>33.588583743998825</v>
      </c>
      <c r="H26" s="8">
        <v>1377.6080415379001</v>
      </c>
      <c r="I26" s="7">
        <v>1.8332349814773383</v>
      </c>
      <c r="J26" s="7">
        <v>2.435296909112524E-3</v>
      </c>
      <c r="K26" s="7">
        <v>0.67662301050944351</v>
      </c>
    </row>
    <row r="27" spans="1:11" x14ac:dyDescent="0.25">
      <c r="A27" s="6" t="s">
        <v>23</v>
      </c>
      <c r="B27" s="6">
        <v>323.49</v>
      </c>
      <c r="C27" s="7">
        <v>50.449220571989692</v>
      </c>
      <c r="D27" s="7">
        <v>50.261959277540065</v>
      </c>
      <c r="E27" s="8">
        <v>16089.064670727083</v>
      </c>
      <c r="F27" s="8">
        <v>87.207631783568644</v>
      </c>
      <c r="G27" s="8">
        <v>28.302086528482569</v>
      </c>
      <c r="H27" s="8">
        <v>1081.6936292870985</v>
      </c>
      <c r="I27" s="7">
        <v>1.7945504054629673</v>
      </c>
      <c r="J27" s="7">
        <v>1.7275638371833232E-3</v>
      </c>
      <c r="K27" s="7">
        <v>0.88502203272537217</v>
      </c>
    </row>
    <row r="28" spans="1:11" x14ac:dyDescent="0.25">
      <c r="A28" s="6" t="s">
        <v>24</v>
      </c>
      <c r="B28" s="6">
        <v>326.39999999999998</v>
      </c>
      <c r="C28" s="7">
        <v>50.677820056462501</v>
      </c>
      <c r="D28" s="7">
        <v>50.501804469768182</v>
      </c>
      <c r="E28" s="8">
        <v>32783.393428581534</v>
      </c>
      <c r="F28" s="8">
        <v>124.44833587822059</v>
      </c>
      <c r="G28" s="8">
        <v>40.515103219031602</v>
      </c>
      <c r="H28" s="8">
        <v>1554.6266987070046</v>
      </c>
      <c r="I28" s="7">
        <v>1.8556067326220851</v>
      </c>
      <c r="J28" s="7">
        <v>2.0193813417317919E-3</v>
      </c>
      <c r="K28" s="7">
        <v>0.54249285028127558</v>
      </c>
    </row>
    <row r="29" spans="1:11" x14ac:dyDescent="0.25">
      <c r="A29" s="6" t="s">
        <v>25</v>
      </c>
      <c r="B29" s="6">
        <v>327.16000000000003</v>
      </c>
      <c r="C29" s="7">
        <v>50.737523014606609</v>
      </c>
      <c r="D29" s="7">
        <v>50.564444451243574</v>
      </c>
      <c r="E29" s="8">
        <v>32611.584568890285</v>
      </c>
      <c r="F29" s="8">
        <v>153.31028557138859</v>
      </c>
      <c r="G29" s="8">
        <v>50.224212263865908</v>
      </c>
      <c r="H29" s="8">
        <v>1252.5170067536262</v>
      </c>
      <c r="I29" s="7">
        <v>1.8344803668944285</v>
      </c>
      <c r="J29" s="7">
        <v>1.1536268521450236E-3</v>
      </c>
      <c r="K29" s="7">
        <v>0.7752962624105082</v>
      </c>
    </row>
    <row r="30" spans="1:11" x14ac:dyDescent="0.25">
      <c r="A30" s="6" t="s">
        <v>26</v>
      </c>
      <c r="B30" s="6">
        <v>327.82</v>
      </c>
      <c r="C30" s="7">
        <v>50.789370320363325</v>
      </c>
      <c r="D30" s="7">
        <v>50.618842329893248</v>
      </c>
      <c r="E30" s="8">
        <v>19792.220230355695</v>
      </c>
      <c r="F30" s="8">
        <v>92.42899847233987</v>
      </c>
      <c r="G30" s="8">
        <v>30.144077566945423</v>
      </c>
      <c r="H30" s="8">
        <v>1250.8741700975233</v>
      </c>
      <c r="I30" s="7">
        <v>1.7602341615563704</v>
      </c>
      <c r="J30" s="7">
        <v>4.1036740463246159E-3</v>
      </c>
      <c r="K30" s="7">
        <v>0.70135792344269032</v>
      </c>
    </row>
    <row r="31" spans="1:11" x14ac:dyDescent="0.25">
      <c r="A31" s="6" t="s">
        <v>27</v>
      </c>
      <c r="B31" s="6">
        <v>329.4</v>
      </c>
      <c r="C31" s="7">
        <v>50.913489628083958</v>
      </c>
      <c r="D31" s="7">
        <v>50.749067554539444</v>
      </c>
      <c r="E31" s="8">
        <v>25553.001126277228</v>
      </c>
      <c r="F31" s="8">
        <v>130.67621097988552</v>
      </c>
      <c r="G31" s="8">
        <v>42.867436284495611</v>
      </c>
      <c r="H31" s="8">
        <v>1146.445952756761</v>
      </c>
      <c r="I31" s="7">
        <v>1.7941259321305112</v>
      </c>
      <c r="J31" s="7">
        <v>4.4462506604276541E-3</v>
      </c>
      <c r="K31" s="7">
        <v>0.82127645756275647</v>
      </c>
    </row>
    <row r="32" spans="1:11" x14ac:dyDescent="0.25">
      <c r="A32" s="6" t="s">
        <v>28</v>
      </c>
      <c r="B32" s="6">
        <v>330.21</v>
      </c>
      <c r="C32" s="7">
        <v>50.977120412421748</v>
      </c>
      <c r="D32" s="7">
        <v>50.815828587427688</v>
      </c>
      <c r="E32" s="8">
        <v>22843.873327860667</v>
      </c>
      <c r="F32" s="8">
        <v>151.93200550936885</v>
      </c>
      <c r="G32" s="8">
        <v>51.108620704449301</v>
      </c>
      <c r="H32" s="8">
        <v>863.14716080094945</v>
      </c>
      <c r="I32" s="7">
        <v>1.5997874887143089</v>
      </c>
      <c r="J32" s="7">
        <v>3.1184316524214312E-3</v>
      </c>
      <c r="K32" s="7">
        <v>0.86642351009311014</v>
      </c>
    </row>
    <row r="33" spans="1:11" x14ac:dyDescent="0.25">
      <c r="A33" s="6" t="s">
        <v>29</v>
      </c>
      <c r="B33" s="6">
        <v>330.9</v>
      </c>
      <c r="C33" s="7">
        <v>51.031324413894687</v>
      </c>
      <c r="D33" s="7">
        <v>50.872699096925075</v>
      </c>
      <c r="E33" s="8">
        <v>29508.770849552078</v>
      </c>
      <c r="F33" s="8">
        <v>154.79725378983696</v>
      </c>
      <c r="G33" s="8">
        <v>51.448069405236488</v>
      </c>
      <c r="H33" s="8">
        <v>1107.4363354106408</v>
      </c>
      <c r="I33" s="7">
        <v>1.7090912512696352</v>
      </c>
      <c r="J33" s="7">
        <v>2.0071331686066863E-3</v>
      </c>
      <c r="K33" s="7">
        <v>0.76716861651922108</v>
      </c>
    </row>
    <row r="34" spans="1:11" x14ac:dyDescent="0.25">
      <c r="A34" s="6" t="s">
        <v>30</v>
      </c>
      <c r="B34" s="6">
        <v>331.78</v>
      </c>
      <c r="C34" s="7">
        <v>51.100454154903645</v>
      </c>
      <c r="D34" s="7">
        <v>50.945229601791311</v>
      </c>
      <c r="E34" s="8">
        <v>29069.439180889858</v>
      </c>
      <c r="F34" s="8">
        <v>112.59368974894529</v>
      </c>
      <c r="G34" s="8">
        <v>37.015420286488812</v>
      </c>
      <c r="H34" s="8">
        <v>1505.7404933840655</v>
      </c>
      <c r="I34" s="7">
        <v>1.7452698865896641</v>
      </c>
      <c r="J34" s="7">
        <v>4.877783016055251E-3</v>
      </c>
      <c r="K34" s="7">
        <v>0.46283665077982139</v>
      </c>
    </row>
    <row r="35" spans="1:11" x14ac:dyDescent="0.25">
      <c r="A35" s="6" t="s">
        <v>31</v>
      </c>
      <c r="B35" s="6">
        <v>332.5</v>
      </c>
      <c r="C35" s="7">
        <v>51.157014852092793</v>
      </c>
      <c r="D35" s="7">
        <v>51.004572742136418</v>
      </c>
      <c r="E35" s="8">
        <v>32703.128129933706</v>
      </c>
      <c r="F35" s="8">
        <v>172.11596504136611</v>
      </c>
      <c r="G35" s="8">
        <v>57.433260387347012</v>
      </c>
      <c r="H35" s="8">
        <v>1101.1222474587689</v>
      </c>
      <c r="I35" s="7">
        <v>1.6864852287327272</v>
      </c>
      <c r="J35" s="7">
        <v>5.791730241029156E-3</v>
      </c>
      <c r="K35" s="7">
        <v>0.74762528311988929</v>
      </c>
    </row>
    <row r="36" spans="1:11" x14ac:dyDescent="0.25">
      <c r="A36" s="6" t="s">
        <v>32</v>
      </c>
      <c r="B36" s="6">
        <v>339.13</v>
      </c>
      <c r="C36" s="7">
        <v>51.677844605376215</v>
      </c>
      <c r="D36" s="7">
        <v>51.551024159480903</v>
      </c>
      <c r="E36" s="8">
        <v>21503.375472256437</v>
      </c>
      <c r="F36" s="8">
        <v>93.571002710375936</v>
      </c>
      <c r="G36" s="8">
        <v>30.059760225967576</v>
      </c>
      <c r="H36" s="8">
        <v>1868.9026964806797</v>
      </c>
      <c r="I36" s="7">
        <v>1.9078152160425652</v>
      </c>
      <c r="J36" s="7">
        <v>2.8662964096710991E-3</v>
      </c>
      <c r="K36" s="7">
        <v>0.29808518484620139</v>
      </c>
    </row>
    <row r="37" spans="1:11" x14ac:dyDescent="0.25">
      <c r="A37" s="6" t="s">
        <v>33</v>
      </c>
      <c r="B37" s="6">
        <v>339.91</v>
      </c>
      <c r="C37" s="7">
        <v>51.739118693997796</v>
      </c>
      <c r="D37" s="7">
        <v>51.615312561521435</v>
      </c>
      <c r="E37" s="8">
        <v>26415.113878418822</v>
      </c>
      <c r="F37" s="8">
        <v>122.77848282665713</v>
      </c>
      <c r="G37" s="8">
        <v>39.729276116139999</v>
      </c>
      <c r="H37" s="8">
        <v>1276.1620536455675</v>
      </c>
      <c r="I37" s="7">
        <v>1.9036010771459522</v>
      </c>
      <c r="J37" s="7">
        <v>2.0359098491224922E-3</v>
      </c>
      <c r="K37" s="7">
        <v>0.80310869809173235</v>
      </c>
    </row>
    <row r="38" spans="1:11" x14ac:dyDescent="0.25">
      <c r="A38" s="6" t="s">
        <v>34</v>
      </c>
      <c r="B38" s="6">
        <v>342.2</v>
      </c>
      <c r="C38" s="7">
        <v>51.919013133668834</v>
      </c>
      <c r="D38" s="7">
        <v>51.804056716230157</v>
      </c>
      <c r="E38" s="8">
        <v>34056.358484972494</v>
      </c>
      <c r="F38" s="8">
        <v>111.40531272914984</v>
      </c>
      <c r="G38" s="8">
        <v>35.392798443015707</v>
      </c>
      <c r="H38" s="8">
        <v>1841.1901855028168</v>
      </c>
      <c r="I38" s="7">
        <v>2.0487933728879959</v>
      </c>
      <c r="J38" s="7">
        <v>2.0688157696938055E-3</v>
      </c>
      <c r="K38" s="7">
        <v>0.45552873670191407</v>
      </c>
    </row>
    <row r="39" spans="1:11" x14ac:dyDescent="0.25">
      <c r="A39" s="6" t="s">
        <v>35</v>
      </c>
      <c r="B39" s="6">
        <v>342.96</v>
      </c>
      <c r="C39" s="7">
        <v>51.978716091812935</v>
      </c>
      <c r="D39" s="7">
        <v>51.866696697705542</v>
      </c>
      <c r="E39" s="8">
        <v>25877.363742967584</v>
      </c>
      <c r="F39" s="8">
        <v>116.84661916918391</v>
      </c>
      <c r="G39" s="8">
        <v>38.52005865246624</v>
      </c>
      <c r="H39" s="8">
        <v>1289.930529422981</v>
      </c>
      <c r="I39" s="7">
        <v>1.7332043759246674</v>
      </c>
      <c r="J39" s="7">
        <v>1.6918693003055809E-3</v>
      </c>
      <c r="K39" s="7">
        <v>0.61568535945423108</v>
      </c>
    </row>
    <row r="40" spans="1:11" x14ac:dyDescent="0.25">
      <c r="A40" s="6" t="s">
        <v>36</v>
      </c>
      <c r="B40" s="6">
        <v>343.61</v>
      </c>
      <c r="C40" s="7">
        <v>52.029777832330922</v>
      </c>
      <c r="D40" s="7">
        <v>51.920270366072657</v>
      </c>
      <c r="E40" s="8">
        <v>24263.177077892004</v>
      </c>
      <c r="F40" s="8">
        <v>126.76431847272481</v>
      </c>
      <c r="G40" s="8">
        <v>42.546665105353895</v>
      </c>
      <c r="H40" s="8">
        <v>1098.0017710367649</v>
      </c>
      <c r="I40" s="7">
        <v>1.5932288404539192</v>
      </c>
      <c r="J40" s="7">
        <v>1.9318753887057189E-2</v>
      </c>
      <c r="K40" s="7">
        <v>0.64105060684176096</v>
      </c>
    </row>
    <row r="41" spans="1:11" x14ac:dyDescent="0.25">
      <c r="A41" s="6" t="s">
        <v>37</v>
      </c>
      <c r="B41" s="6">
        <v>344.51</v>
      </c>
      <c r="C41" s="7">
        <v>52.100478703817359</v>
      </c>
      <c r="D41" s="7">
        <v>51.994449291504033</v>
      </c>
      <c r="E41" s="8">
        <v>45023.143432802914</v>
      </c>
      <c r="F41" s="8">
        <v>157.31737580886983</v>
      </c>
      <c r="G41" s="8">
        <v>49.839293158845777</v>
      </c>
      <c r="H41" s="8">
        <v>1742.5943230149187</v>
      </c>
      <c r="I41" s="7">
        <v>2.153747007711055</v>
      </c>
      <c r="J41" s="7">
        <v>2.6988812565817677E-3</v>
      </c>
      <c r="K41" s="7">
        <v>0.64052899705487132</v>
      </c>
    </row>
    <row r="42" spans="1:11" x14ac:dyDescent="0.25">
      <c r="A42" s="6" t="s">
        <v>38</v>
      </c>
      <c r="B42" s="6">
        <v>345.48</v>
      </c>
      <c r="C42" s="7">
        <v>52.176678531974964</v>
      </c>
      <c r="D42" s="7">
        <v>52.074627688913409</v>
      </c>
      <c r="E42" s="8">
        <v>31566.911983650007</v>
      </c>
      <c r="F42" s="8">
        <v>116.37263787622142</v>
      </c>
      <c r="G42" s="8">
        <v>36.75770700796204</v>
      </c>
      <c r="H42" s="8">
        <v>1645.0196329536818</v>
      </c>
      <c r="I42" s="7">
        <v>2.1148496623258497</v>
      </c>
      <c r="J42" s="7">
        <v>3.9402299394757064E-3</v>
      </c>
      <c r="K42" s="7">
        <v>0.68427251312921045</v>
      </c>
    </row>
    <row r="44" spans="1:11" x14ac:dyDescent="0.25">
      <c r="A44" s="1" t="s">
        <v>45</v>
      </c>
      <c r="B44" s="5"/>
      <c r="C44" s="5"/>
      <c r="D44" s="5"/>
      <c r="E44" s="5"/>
      <c r="F44" s="5"/>
      <c r="G44" s="5"/>
      <c r="H44" s="5"/>
      <c r="I44" s="5"/>
    </row>
    <row r="45" spans="1:11" x14ac:dyDescent="0.25">
      <c r="A45" s="1" t="s">
        <v>0</v>
      </c>
      <c r="B45" s="5"/>
      <c r="C45" s="5"/>
      <c r="D45" s="5"/>
      <c r="E45" s="5"/>
      <c r="F45" s="5"/>
      <c r="G45" s="5"/>
      <c r="H45" s="5"/>
      <c r="I45" s="5"/>
    </row>
    <row r="46" spans="1:11" x14ac:dyDescent="0.25">
      <c r="A46" s="3" t="s">
        <v>46</v>
      </c>
      <c r="B46" s="2"/>
      <c r="C46" s="2"/>
      <c r="D46" s="2"/>
      <c r="E46" s="2"/>
      <c r="F46" s="2"/>
      <c r="G46" s="2"/>
      <c r="H46" s="2"/>
      <c r="I46" s="2"/>
    </row>
  </sheetData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Table S-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ice Williams</dc:creator>
  <cp:lastModifiedBy>Nicola McLoughlin</cp:lastModifiedBy>
  <dcterms:created xsi:type="dcterms:W3CDTF">2020-12-22T11:13:56Z</dcterms:created>
  <dcterms:modified xsi:type="dcterms:W3CDTF">2022-10-26T08:09:05Z</dcterms:modified>
</cp:coreProperties>
</file>